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5735\Desktop\"/>
    </mc:Choice>
  </mc:AlternateContent>
  <xr:revisionPtr revIDLastSave="0" documentId="8_{056CC7BD-17C3-42B7-A532-A45C5A378562}" xr6:coauthVersionLast="47" xr6:coauthVersionMax="47" xr10:uidLastSave="{00000000-0000-0000-0000-000000000000}"/>
  <bookViews>
    <workbookView xWindow="-28920" yWindow="-120" windowWidth="29040" windowHeight="15720" xr2:uid="{6CC8180A-C08E-4342-A205-DCF50F29F268}"/>
  </bookViews>
  <sheets>
    <sheet name="【参考様式】利用者名簿" sheetId="1" r:id="rId1"/>
  </sheets>
  <externalReferences>
    <externalReference r:id="rId2"/>
  </externalReferences>
  <definedNames>
    <definedName name="_xlnm.Print_Area" localSheetId="0">【参考様式】利用者名簿!$A$1:$P$33</definedName>
    <definedName name="_xlnm.Print_Area">#REF!</definedName>
    <definedName name="_xlnm.Print_Titles" localSheetId="0">【参考様式】利用者名簿!$1:$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04" uniqueCount="18">
  <si>
    <t>【参考様式】</t>
    <rPh sb="1" eb="3">
      <t>サンコウ</t>
    </rPh>
    <rPh sb="3" eb="5">
      <t>ヨウシキ</t>
    </rPh>
    <phoneticPr fontId="2"/>
  </si>
  <si>
    <t>（市町村名）</t>
    <rPh sb="1" eb="4">
      <t>シチョウソン</t>
    </rPh>
    <rPh sb="4" eb="5">
      <t>メイ</t>
    </rPh>
    <phoneticPr fontId="2"/>
  </si>
  <si>
    <t>（学校・クラブ等名）</t>
    <rPh sb="1" eb="3">
      <t>ガッコウ</t>
    </rPh>
    <rPh sb="7" eb="8">
      <t>トウ</t>
    </rPh>
    <rPh sb="8" eb="9">
      <t>メイ</t>
    </rPh>
    <phoneticPr fontId="2"/>
  </si>
  <si>
    <t>利用者名簿</t>
    <rPh sb="0" eb="2">
      <t>リヨウ</t>
    </rPh>
    <rPh sb="2" eb="3">
      <t>シャ</t>
    </rPh>
    <rPh sb="3" eb="5">
      <t>メイボ</t>
    </rPh>
    <phoneticPr fontId="2"/>
  </si>
  <si>
    <t>（　　.    .    現在）</t>
    <rPh sb="13" eb="15">
      <t>ゲンザイ</t>
    </rPh>
    <phoneticPr fontId="2"/>
  </si>
  <si>
    <t xml:space="preserve"> </t>
    <phoneticPr fontId="2"/>
  </si>
  <si>
    <t>№</t>
    <phoneticPr fontId="2"/>
  </si>
  <si>
    <t>児童・生徒に関する事項</t>
    <rPh sb="0" eb="2">
      <t>ジドウ</t>
    </rPh>
    <rPh sb="3" eb="5">
      <t>セイト</t>
    </rPh>
    <rPh sb="6" eb="7">
      <t>カン</t>
    </rPh>
    <rPh sb="9" eb="11">
      <t>ジコウ</t>
    </rPh>
    <phoneticPr fontId="2"/>
  </si>
  <si>
    <t>保護者に関する事項</t>
    <rPh sb="0" eb="3">
      <t>ホゴシャ</t>
    </rPh>
    <rPh sb="4" eb="5">
      <t>カン</t>
    </rPh>
    <rPh sb="7" eb="9">
      <t>ジコウ</t>
    </rPh>
    <phoneticPr fontId="2"/>
  </si>
  <si>
    <t>ふりがな</t>
    <phoneticPr fontId="2"/>
  </si>
  <si>
    <t>性別</t>
    <rPh sb="0" eb="2">
      <t>セイベツ</t>
    </rPh>
    <phoneticPr fontId="2"/>
  </si>
  <si>
    <t>氏　　　　名</t>
    <rPh sb="0" eb="1">
      <t>シ</t>
    </rPh>
    <rPh sb="5" eb="6">
      <t>メイ</t>
    </rPh>
    <phoneticPr fontId="2"/>
  </si>
  <si>
    <t>男 ・ 女</t>
    <rPh sb="0" eb="1">
      <t>オトコ</t>
    </rPh>
    <rPh sb="4" eb="5">
      <t>オンナ</t>
    </rPh>
    <phoneticPr fontId="2"/>
  </si>
  <si>
    <t>現 住 所</t>
    <rPh sb="0" eb="1">
      <t>ゲン</t>
    </rPh>
    <rPh sb="2" eb="3">
      <t>ジュウ</t>
    </rPh>
    <rPh sb="4" eb="5">
      <t>トコロ</t>
    </rPh>
    <phoneticPr fontId="2"/>
  </si>
  <si>
    <t>生年月日</t>
    <rPh sb="0" eb="2">
      <t>セイネン</t>
    </rPh>
    <rPh sb="2" eb="4">
      <t>ガッピ</t>
    </rPh>
    <phoneticPr fontId="2"/>
  </si>
  <si>
    <t>　　年　　　　月　　　　日</t>
    <rPh sb="2" eb="3">
      <t>ネン</t>
    </rPh>
    <rPh sb="7" eb="8">
      <t>ガツ</t>
    </rPh>
    <rPh sb="12" eb="13">
      <t>ニチ</t>
    </rPh>
    <phoneticPr fontId="3"/>
  </si>
  <si>
    <t>備考</t>
    <rPh sb="0" eb="2">
      <t>ビコウ</t>
    </rPh>
    <phoneticPr fontId="2"/>
  </si>
  <si>
    <t>入学年月日</t>
    <rPh sb="0" eb="2">
      <t>ニュウガク</t>
    </rPh>
    <rPh sb="2" eb="5">
      <t>ネンガッピ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hair">
        <color auto="1"/>
      </right>
      <top style="thin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thin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/>
      <right style="hair">
        <color auto="1"/>
      </right>
      <top/>
      <bottom style="hair">
        <color auto="1"/>
      </bottom>
      <diagonal/>
    </border>
    <border>
      <left style="hair">
        <color auto="1"/>
      </left>
      <right style="thin">
        <color auto="1"/>
      </right>
      <top/>
      <bottom style="hair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/>
      <diagonal/>
    </border>
    <border>
      <left/>
      <right/>
      <top style="hair">
        <color auto="1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/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40">
    <xf numFmtId="0" fontId="0" fillId="0" borderId="0" xfId="0">
      <alignment vertical="center"/>
    </xf>
    <xf numFmtId="0" fontId="1" fillId="0" borderId="0" xfId="1">
      <alignment vertical="center"/>
    </xf>
    <xf numFmtId="0" fontId="1" fillId="0" borderId="1" xfId="1" applyBorder="1">
      <alignment vertical="center"/>
    </xf>
    <xf numFmtId="0" fontId="1" fillId="0" borderId="1" xfId="1" applyBorder="1">
      <alignment vertical="center"/>
    </xf>
    <xf numFmtId="0" fontId="1" fillId="0" borderId="1" xfId="1" applyBorder="1" applyAlignment="1">
      <alignment horizontal="right" vertical="center"/>
    </xf>
    <xf numFmtId="0" fontId="1" fillId="0" borderId="0" xfId="1" applyAlignment="1">
      <alignment horizontal="center" vertical="center"/>
    </xf>
    <xf numFmtId="0" fontId="1" fillId="0" borderId="0" xfId="1" applyAlignment="1">
      <alignment horizontal="right" vertical="center"/>
    </xf>
    <xf numFmtId="0" fontId="1" fillId="0" borderId="0" xfId="1" applyAlignment="1"/>
    <xf numFmtId="0" fontId="1" fillId="0" borderId="0" xfId="1" applyAlignment="1">
      <alignment horizontal="right"/>
    </xf>
    <xf numFmtId="0" fontId="1" fillId="0" borderId="0" xfId="1" applyAlignment="1">
      <alignment horizontal="right"/>
    </xf>
    <xf numFmtId="0" fontId="1" fillId="0" borderId="2" xfId="1" applyBorder="1" applyAlignment="1">
      <alignment horizontal="center" vertical="center"/>
    </xf>
    <xf numFmtId="0" fontId="1" fillId="0" borderId="3" xfId="1" applyBorder="1" applyAlignment="1">
      <alignment horizontal="center" vertical="center"/>
    </xf>
    <xf numFmtId="0" fontId="1" fillId="0" borderId="4" xfId="1" applyBorder="1" applyAlignment="1">
      <alignment horizontal="center" vertical="center"/>
    </xf>
    <xf numFmtId="0" fontId="1" fillId="0" borderId="5" xfId="1" applyBorder="1" applyAlignment="1">
      <alignment horizontal="center" vertical="center"/>
    </xf>
    <xf numFmtId="0" fontId="1" fillId="0" borderId="6" xfId="1" applyBorder="1" applyAlignment="1">
      <alignment horizontal="center" vertical="center"/>
    </xf>
    <xf numFmtId="0" fontId="1" fillId="0" borderId="7" xfId="1" applyBorder="1" applyAlignment="1">
      <alignment horizontal="center" vertical="center"/>
    </xf>
    <xf numFmtId="0" fontId="1" fillId="0" borderId="8" xfId="1" applyBorder="1">
      <alignment vertical="center"/>
    </xf>
    <xf numFmtId="0" fontId="1" fillId="0" borderId="8" xfId="1" applyBorder="1" applyAlignment="1">
      <alignment horizontal="center" vertical="center"/>
    </xf>
    <xf numFmtId="0" fontId="1" fillId="0" borderId="9" xfId="1" applyBorder="1" applyAlignment="1">
      <alignment horizontal="center" vertical="center"/>
    </xf>
    <xf numFmtId="0" fontId="1" fillId="0" borderId="10" xfId="1" applyBorder="1" applyAlignment="1">
      <alignment horizontal="center" vertical="center"/>
    </xf>
    <xf numFmtId="0" fontId="1" fillId="0" borderId="8" xfId="1" applyBorder="1" applyAlignment="1">
      <alignment horizontal="center" vertical="center"/>
    </xf>
    <xf numFmtId="0" fontId="1" fillId="0" borderId="11" xfId="1" applyBorder="1" applyAlignment="1">
      <alignment horizontal="center" vertical="center"/>
    </xf>
    <xf numFmtId="0" fontId="1" fillId="0" borderId="12" xfId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>
      <alignment vertical="center"/>
    </xf>
    <xf numFmtId="0" fontId="1" fillId="0" borderId="14" xfId="1" applyBorder="1" applyAlignment="1">
      <alignment horizontal="center" vertical="center"/>
    </xf>
    <xf numFmtId="0" fontId="1" fillId="0" borderId="15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1" fillId="0" borderId="16" xfId="1" applyBorder="1" applyAlignment="1">
      <alignment horizontal="center" vertical="center"/>
    </xf>
    <xf numFmtId="0" fontId="1" fillId="0" borderId="15" xfId="1" applyBorder="1">
      <alignment vertical="center"/>
    </xf>
    <xf numFmtId="0" fontId="1" fillId="0" borderId="16" xfId="1" applyBorder="1">
      <alignment vertical="center"/>
    </xf>
    <xf numFmtId="0" fontId="1" fillId="0" borderId="17" xfId="1" applyBorder="1" applyAlignment="1">
      <alignment horizontal="center" vertical="center"/>
    </xf>
    <xf numFmtId="0" fontId="1" fillId="0" borderId="18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1" fillId="0" borderId="2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1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</cellXfs>
  <cellStyles count="2">
    <cellStyle name="標準" xfId="0" builtinId="0"/>
    <cellStyle name="標準 2" xfId="1" xr:uid="{68FD871E-3C45-4F4A-A654-22853B3188D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38556;&#12364;&#12356;&#31119;&#31049;&#35506;\&#30274;&#32946;&#25903;&#25588;&#12464;&#12523;&#12540;&#12503;\&#12304;019%2022%20003&#12305;&#12495;&#12483;&#12500;&#12540;&#12450;&#12501;&#12479;&#12540;&#12473;&#12463;&#12540;&#12523;&#20107;&#26989;\&#9733;&#20107;&#21209;&#12510;&#12491;&#12517;&#12450;&#12523;\R8.4&#25913;&#27491;\HP\riyoushameibo.xlsx" TargetMode="External"/><Relationship Id="rId1" Type="http://schemas.openxmlformats.org/officeDocument/2006/relationships/externalLinkPath" Target="file:///\\fs.ad.pref.shimane.jp\&#20581;&#24247;&#31119;&#31049;&#37096;\&#38556;&#12364;&#12356;&#31119;&#31049;&#35506;\&#30274;&#32946;&#25903;&#25588;&#12464;&#12523;&#12540;&#12503;\&#12304;019%2022%20003&#12305;&#12495;&#12483;&#12500;&#12540;&#12450;&#12501;&#12479;&#12540;&#12473;&#12463;&#12540;&#12523;&#20107;&#26989;\&#9733;&#20107;&#21209;&#12510;&#12491;&#12517;&#12450;&#12523;\R8.4&#25913;&#27491;\HP\riyoushameibo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【参考様式】利用者名簿"/>
      <sheetName val="実施予定調書"/>
      <sheetName val="様式１"/>
      <sheetName val="様式１別紙１"/>
      <sheetName val="様式１別紙２"/>
      <sheetName val="様式１別紙２②"/>
      <sheetName val="様式１別紙２③"/>
      <sheetName val="様式２"/>
      <sheetName val="様式２別紙１"/>
      <sheetName val="様式２別紙２"/>
      <sheetName val="様式２別紙２②"/>
      <sheetName val="様式２別紙２③"/>
      <sheetName val="様式３"/>
      <sheetName val="様式３別紙１"/>
      <sheetName val="様式３別紙２"/>
      <sheetName val="様式３別紙２②"/>
      <sheetName val="様式３別紙２③"/>
      <sheetName val="様式４"/>
      <sheetName val="様式５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954E6A-BF18-44C4-AF94-EA760CFE5650}">
  <dimension ref="A1:P83"/>
  <sheetViews>
    <sheetView showGridLines="0" tabSelected="1" zoomScaleNormal="100" zoomScaleSheetLayoutView="100" workbookViewId="0">
      <selection activeCell="T32" sqref="T32"/>
    </sheetView>
  </sheetViews>
  <sheetFormatPr defaultRowHeight="13" x14ac:dyDescent="0.2"/>
  <cols>
    <col min="1" max="1" width="1.7265625" style="1" customWidth="1"/>
    <col min="2" max="2" width="3.36328125" style="1" customWidth="1"/>
    <col min="3" max="3" width="13.7265625" style="1" customWidth="1"/>
    <col min="4" max="8" width="4.26953125" style="1" customWidth="1"/>
    <col min="9" max="9" width="9.453125" style="1" customWidth="1"/>
    <col min="10" max="10" width="10.08984375" style="1" customWidth="1"/>
    <col min="11" max="15" width="4.26953125" style="1" customWidth="1"/>
    <col min="16" max="16" width="8.26953125" style="1" customWidth="1"/>
    <col min="17" max="17" width="1.08984375" style="1" customWidth="1"/>
    <col min="18" max="34" width="4.26953125" style="1" customWidth="1"/>
    <col min="35" max="16384" width="8.7265625" style="1"/>
  </cols>
  <sheetData>
    <row r="1" spans="1:16" ht="5.25" customHeight="1" x14ac:dyDescent="0.2"/>
    <row r="2" spans="1:16" x14ac:dyDescent="0.2">
      <c r="A2" s="1" t="s">
        <v>0</v>
      </c>
    </row>
    <row r="3" spans="1:16" ht="15.5" customHeight="1" x14ac:dyDescent="0.2">
      <c r="L3" s="2" t="s">
        <v>1</v>
      </c>
      <c r="M3" s="2"/>
      <c r="N3" s="2"/>
      <c r="O3" s="2"/>
      <c r="P3" s="2"/>
    </row>
    <row r="4" spans="1:16" ht="20.25" customHeight="1" x14ac:dyDescent="0.2">
      <c r="B4" s="3" t="s">
        <v>2</v>
      </c>
      <c r="C4" s="3"/>
      <c r="D4" s="3"/>
      <c r="E4" s="3"/>
      <c r="F4" s="3"/>
      <c r="G4" s="3"/>
      <c r="H4" s="3"/>
      <c r="I4" s="4" t="s">
        <v>3</v>
      </c>
    </row>
    <row r="5" spans="1:16" ht="13.5" customHeight="1" x14ac:dyDescent="0.2">
      <c r="C5" s="5"/>
      <c r="D5" s="5"/>
      <c r="E5" s="5"/>
      <c r="F5" s="5"/>
      <c r="G5" s="5"/>
      <c r="I5" s="6"/>
    </row>
    <row r="6" spans="1:16" s="7" customFormat="1" ht="12.75" customHeight="1" x14ac:dyDescent="0.2">
      <c r="C6" s="8"/>
      <c r="D6" s="8"/>
      <c r="I6" s="8"/>
      <c r="M6" s="9" t="s">
        <v>4</v>
      </c>
      <c r="N6" s="9"/>
      <c r="O6" s="9"/>
      <c r="P6" s="9"/>
    </row>
    <row r="7" spans="1:16" ht="4.5" customHeight="1" x14ac:dyDescent="0.2">
      <c r="P7" s="1" t="s">
        <v>5</v>
      </c>
    </row>
    <row r="8" spans="1:16" ht="19.5" customHeight="1" x14ac:dyDescent="0.2">
      <c r="B8" s="10" t="s">
        <v>6</v>
      </c>
      <c r="C8" s="11" t="s">
        <v>7</v>
      </c>
      <c r="D8" s="12"/>
      <c r="E8" s="12"/>
      <c r="F8" s="12"/>
      <c r="G8" s="12"/>
      <c r="H8" s="12"/>
      <c r="I8" s="12"/>
      <c r="J8" s="12" t="s">
        <v>8</v>
      </c>
      <c r="K8" s="12"/>
      <c r="L8" s="12"/>
      <c r="M8" s="12"/>
      <c r="N8" s="12"/>
      <c r="O8" s="12"/>
      <c r="P8" s="13"/>
    </row>
    <row r="9" spans="1:16" ht="16.5" customHeight="1" x14ac:dyDescent="0.2">
      <c r="B9" s="14">
        <v>1</v>
      </c>
      <c r="C9" s="15" t="s">
        <v>9</v>
      </c>
      <c r="D9" s="16"/>
      <c r="E9" s="16"/>
      <c r="F9" s="16"/>
      <c r="G9" s="16"/>
      <c r="H9" s="16"/>
      <c r="I9" s="17" t="s">
        <v>10</v>
      </c>
      <c r="J9" s="18" t="s">
        <v>9</v>
      </c>
      <c r="K9" s="19"/>
      <c r="L9" s="20"/>
      <c r="M9" s="20"/>
      <c r="N9" s="20"/>
      <c r="O9" s="20"/>
      <c r="P9" s="21"/>
    </row>
    <row r="10" spans="1:16" ht="32.25" customHeight="1" x14ac:dyDescent="0.2">
      <c r="B10" s="22"/>
      <c r="C10" s="23" t="s">
        <v>11</v>
      </c>
      <c r="D10" s="24"/>
      <c r="E10" s="24"/>
      <c r="F10" s="24"/>
      <c r="G10" s="24"/>
      <c r="H10" s="24"/>
      <c r="I10" s="25" t="s">
        <v>12</v>
      </c>
      <c r="J10" s="25" t="s">
        <v>11</v>
      </c>
      <c r="K10" s="26"/>
      <c r="L10" s="27"/>
      <c r="M10" s="27"/>
      <c r="N10" s="27"/>
      <c r="O10" s="27"/>
      <c r="P10" s="28"/>
    </row>
    <row r="11" spans="1:16" ht="44.25" customHeight="1" x14ac:dyDescent="0.2">
      <c r="B11" s="22"/>
      <c r="C11" s="23" t="s">
        <v>13</v>
      </c>
      <c r="D11" s="24"/>
      <c r="E11" s="24"/>
      <c r="F11" s="24"/>
      <c r="G11" s="24"/>
      <c r="H11" s="24"/>
      <c r="I11" s="24"/>
      <c r="J11" s="25" t="s">
        <v>13</v>
      </c>
      <c r="K11" s="29"/>
      <c r="L11" s="24"/>
      <c r="M11" s="24"/>
      <c r="N11" s="24"/>
      <c r="O11" s="24"/>
      <c r="P11" s="30"/>
    </row>
    <row r="12" spans="1:16" ht="25.5" customHeight="1" x14ac:dyDescent="0.2">
      <c r="B12" s="22"/>
      <c r="C12" s="23" t="s">
        <v>14</v>
      </c>
      <c r="D12" s="27" t="s">
        <v>15</v>
      </c>
      <c r="E12" s="27"/>
      <c r="F12" s="27"/>
      <c r="G12" s="27"/>
      <c r="H12" s="27"/>
      <c r="I12" s="27"/>
      <c r="J12" s="31" t="s">
        <v>16</v>
      </c>
      <c r="K12" s="32"/>
      <c r="L12" s="32"/>
      <c r="M12" s="32"/>
      <c r="N12" s="32"/>
      <c r="O12" s="32"/>
      <c r="P12" s="33"/>
    </row>
    <row r="13" spans="1:16" ht="25.5" customHeight="1" x14ac:dyDescent="0.2">
      <c r="B13" s="34"/>
      <c r="C13" s="35" t="s">
        <v>17</v>
      </c>
      <c r="D13" s="36" t="s">
        <v>15</v>
      </c>
      <c r="E13" s="36"/>
      <c r="F13" s="36"/>
      <c r="G13" s="36"/>
      <c r="H13" s="36"/>
      <c r="I13" s="36"/>
      <c r="J13" s="37"/>
      <c r="K13" s="38"/>
      <c r="L13" s="38"/>
      <c r="M13" s="38"/>
      <c r="N13" s="38"/>
      <c r="O13" s="38"/>
      <c r="P13" s="39"/>
    </row>
    <row r="14" spans="1:16" ht="16.5" customHeight="1" x14ac:dyDescent="0.2">
      <c r="B14" s="14">
        <v>2</v>
      </c>
      <c r="C14" s="15" t="s">
        <v>9</v>
      </c>
      <c r="D14" s="16"/>
      <c r="E14" s="16"/>
      <c r="F14" s="16"/>
      <c r="G14" s="16"/>
      <c r="H14" s="16"/>
      <c r="I14" s="17" t="s">
        <v>10</v>
      </c>
      <c r="J14" s="17" t="s">
        <v>9</v>
      </c>
      <c r="K14" s="19"/>
      <c r="L14" s="20"/>
      <c r="M14" s="20"/>
      <c r="N14" s="20"/>
      <c r="O14" s="20"/>
      <c r="P14" s="21"/>
    </row>
    <row r="15" spans="1:16" ht="32.25" customHeight="1" x14ac:dyDescent="0.2">
      <c r="B15" s="22"/>
      <c r="C15" s="23" t="s">
        <v>11</v>
      </c>
      <c r="D15" s="24"/>
      <c r="E15" s="24"/>
      <c r="F15" s="24"/>
      <c r="G15" s="24"/>
      <c r="H15" s="24"/>
      <c r="I15" s="25" t="s">
        <v>12</v>
      </c>
      <c r="J15" s="25" t="s">
        <v>11</v>
      </c>
      <c r="K15" s="26"/>
      <c r="L15" s="27"/>
      <c r="M15" s="27"/>
      <c r="N15" s="27"/>
      <c r="O15" s="27"/>
      <c r="P15" s="28"/>
    </row>
    <row r="16" spans="1:16" ht="40.5" customHeight="1" x14ac:dyDescent="0.2">
      <c r="B16" s="22"/>
      <c r="C16" s="23" t="s">
        <v>13</v>
      </c>
      <c r="D16" s="24"/>
      <c r="E16" s="24"/>
      <c r="F16" s="24"/>
      <c r="G16" s="24"/>
      <c r="H16" s="24"/>
      <c r="I16" s="24"/>
      <c r="J16" s="25" t="s">
        <v>13</v>
      </c>
      <c r="K16" s="29"/>
      <c r="L16" s="24"/>
      <c r="M16" s="24"/>
      <c r="N16" s="24"/>
      <c r="O16" s="24"/>
      <c r="P16" s="30"/>
    </row>
    <row r="17" spans="2:16" ht="25.5" customHeight="1" x14ac:dyDescent="0.2">
      <c r="B17" s="22"/>
      <c r="C17" s="23" t="s">
        <v>14</v>
      </c>
      <c r="D17" s="27" t="s">
        <v>15</v>
      </c>
      <c r="E17" s="27"/>
      <c r="F17" s="27"/>
      <c r="G17" s="27"/>
      <c r="H17" s="27"/>
      <c r="I17" s="27"/>
      <c r="J17" s="31" t="s">
        <v>16</v>
      </c>
      <c r="K17" s="32"/>
      <c r="L17" s="32"/>
      <c r="M17" s="32"/>
      <c r="N17" s="32"/>
      <c r="O17" s="32"/>
      <c r="P17" s="33"/>
    </row>
    <row r="18" spans="2:16" ht="25.5" customHeight="1" x14ac:dyDescent="0.2">
      <c r="B18" s="34"/>
      <c r="C18" s="35" t="s">
        <v>17</v>
      </c>
      <c r="D18" s="36" t="s">
        <v>15</v>
      </c>
      <c r="E18" s="36"/>
      <c r="F18" s="36"/>
      <c r="G18" s="36"/>
      <c r="H18" s="36"/>
      <c r="I18" s="36"/>
      <c r="J18" s="37"/>
      <c r="K18" s="38"/>
      <c r="L18" s="38"/>
      <c r="M18" s="38"/>
      <c r="N18" s="38"/>
      <c r="O18" s="38"/>
      <c r="P18" s="39"/>
    </row>
    <row r="19" spans="2:16" ht="16.5" customHeight="1" x14ac:dyDescent="0.2">
      <c r="B19" s="14">
        <v>3</v>
      </c>
      <c r="C19" s="15" t="s">
        <v>9</v>
      </c>
      <c r="D19" s="16"/>
      <c r="E19" s="16"/>
      <c r="F19" s="16"/>
      <c r="G19" s="16"/>
      <c r="H19" s="16"/>
      <c r="I19" s="17" t="s">
        <v>10</v>
      </c>
      <c r="J19" s="17" t="s">
        <v>9</v>
      </c>
      <c r="K19" s="19"/>
      <c r="L19" s="20"/>
      <c r="M19" s="20"/>
      <c r="N19" s="20"/>
      <c r="O19" s="20"/>
      <c r="P19" s="21"/>
    </row>
    <row r="20" spans="2:16" ht="32.25" customHeight="1" x14ac:dyDescent="0.2">
      <c r="B20" s="22"/>
      <c r="C20" s="23" t="s">
        <v>11</v>
      </c>
      <c r="D20" s="24"/>
      <c r="E20" s="24"/>
      <c r="F20" s="24"/>
      <c r="G20" s="24"/>
      <c r="H20" s="24"/>
      <c r="I20" s="25" t="s">
        <v>12</v>
      </c>
      <c r="J20" s="25" t="s">
        <v>11</v>
      </c>
      <c r="K20" s="26"/>
      <c r="L20" s="27"/>
      <c r="M20" s="27"/>
      <c r="N20" s="27"/>
      <c r="O20" s="27"/>
      <c r="P20" s="28"/>
    </row>
    <row r="21" spans="2:16" ht="40.5" customHeight="1" x14ac:dyDescent="0.2">
      <c r="B21" s="22"/>
      <c r="C21" s="23" t="s">
        <v>13</v>
      </c>
      <c r="D21" s="24"/>
      <c r="E21" s="24"/>
      <c r="F21" s="24"/>
      <c r="G21" s="24"/>
      <c r="H21" s="24"/>
      <c r="I21" s="24"/>
      <c r="J21" s="25" t="s">
        <v>13</v>
      </c>
      <c r="K21" s="29"/>
      <c r="L21" s="24"/>
      <c r="M21" s="24"/>
      <c r="N21" s="24"/>
      <c r="O21" s="24"/>
      <c r="P21" s="30"/>
    </row>
    <row r="22" spans="2:16" ht="25.5" customHeight="1" x14ac:dyDescent="0.2">
      <c r="B22" s="22"/>
      <c r="C22" s="23" t="s">
        <v>14</v>
      </c>
      <c r="D22" s="27" t="s">
        <v>15</v>
      </c>
      <c r="E22" s="27"/>
      <c r="F22" s="27"/>
      <c r="G22" s="27"/>
      <c r="H22" s="27"/>
      <c r="I22" s="27"/>
      <c r="J22" s="31" t="s">
        <v>16</v>
      </c>
      <c r="K22" s="32"/>
      <c r="L22" s="32"/>
      <c r="M22" s="32"/>
      <c r="N22" s="32"/>
      <c r="O22" s="32"/>
      <c r="P22" s="33"/>
    </row>
    <row r="23" spans="2:16" ht="25.5" customHeight="1" x14ac:dyDescent="0.2">
      <c r="B23" s="34"/>
      <c r="C23" s="35" t="s">
        <v>17</v>
      </c>
      <c r="D23" s="36" t="s">
        <v>15</v>
      </c>
      <c r="E23" s="36"/>
      <c r="F23" s="36"/>
      <c r="G23" s="36"/>
      <c r="H23" s="36"/>
      <c r="I23" s="36"/>
      <c r="J23" s="37"/>
      <c r="K23" s="38"/>
      <c r="L23" s="38"/>
      <c r="M23" s="38"/>
      <c r="N23" s="38"/>
      <c r="O23" s="38"/>
      <c r="P23" s="39"/>
    </row>
    <row r="24" spans="2:16" ht="16.5" customHeight="1" x14ac:dyDescent="0.2">
      <c r="B24" s="14">
        <v>4</v>
      </c>
      <c r="C24" s="15" t="s">
        <v>9</v>
      </c>
      <c r="D24" s="16"/>
      <c r="E24" s="16"/>
      <c r="F24" s="16"/>
      <c r="G24" s="16"/>
      <c r="H24" s="16"/>
      <c r="I24" s="17" t="s">
        <v>10</v>
      </c>
      <c r="J24" s="17" t="s">
        <v>9</v>
      </c>
      <c r="K24" s="19"/>
      <c r="L24" s="20"/>
      <c r="M24" s="20"/>
      <c r="N24" s="20"/>
      <c r="O24" s="20"/>
      <c r="P24" s="21"/>
    </row>
    <row r="25" spans="2:16" ht="32.25" customHeight="1" x14ac:dyDescent="0.2">
      <c r="B25" s="22"/>
      <c r="C25" s="23" t="s">
        <v>11</v>
      </c>
      <c r="D25" s="24"/>
      <c r="E25" s="24"/>
      <c r="F25" s="24"/>
      <c r="G25" s="24"/>
      <c r="H25" s="24"/>
      <c r="I25" s="25" t="s">
        <v>12</v>
      </c>
      <c r="J25" s="25" t="s">
        <v>11</v>
      </c>
      <c r="K25" s="26"/>
      <c r="L25" s="27"/>
      <c r="M25" s="27"/>
      <c r="N25" s="27"/>
      <c r="O25" s="27"/>
      <c r="P25" s="28"/>
    </row>
    <row r="26" spans="2:16" ht="40.5" customHeight="1" x14ac:dyDescent="0.2">
      <c r="B26" s="22"/>
      <c r="C26" s="23" t="s">
        <v>13</v>
      </c>
      <c r="D26" s="24"/>
      <c r="E26" s="24"/>
      <c r="F26" s="24"/>
      <c r="G26" s="24"/>
      <c r="H26" s="24"/>
      <c r="I26" s="24"/>
      <c r="J26" s="25" t="s">
        <v>13</v>
      </c>
      <c r="K26" s="29"/>
      <c r="L26" s="24"/>
      <c r="M26" s="24"/>
      <c r="N26" s="24"/>
      <c r="O26" s="24"/>
      <c r="P26" s="30"/>
    </row>
    <row r="27" spans="2:16" ht="25.5" customHeight="1" x14ac:dyDescent="0.2">
      <c r="B27" s="22"/>
      <c r="C27" s="23" t="s">
        <v>14</v>
      </c>
      <c r="D27" s="27" t="s">
        <v>15</v>
      </c>
      <c r="E27" s="27"/>
      <c r="F27" s="27"/>
      <c r="G27" s="27"/>
      <c r="H27" s="27"/>
      <c r="I27" s="27"/>
      <c r="J27" s="31" t="s">
        <v>16</v>
      </c>
      <c r="K27" s="32"/>
      <c r="L27" s="32"/>
      <c r="M27" s="32"/>
      <c r="N27" s="32"/>
      <c r="O27" s="32"/>
      <c r="P27" s="33"/>
    </row>
    <row r="28" spans="2:16" ht="25.5" customHeight="1" x14ac:dyDescent="0.2">
      <c r="B28" s="34"/>
      <c r="C28" s="35" t="s">
        <v>17</v>
      </c>
      <c r="D28" s="36" t="s">
        <v>15</v>
      </c>
      <c r="E28" s="36"/>
      <c r="F28" s="36"/>
      <c r="G28" s="36"/>
      <c r="H28" s="36"/>
      <c r="I28" s="36"/>
      <c r="J28" s="37"/>
      <c r="K28" s="38"/>
      <c r="L28" s="38"/>
      <c r="M28" s="38"/>
      <c r="N28" s="38"/>
      <c r="O28" s="38"/>
      <c r="P28" s="39"/>
    </row>
    <row r="29" spans="2:16" ht="16.5" customHeight="1" x14ac:dyDescent="0.2">
      <c r="B29" s="14">
        <v>5</v>
      </c>
      <c r="C29" s="15" t="s">
        <v>9</v>
      </c>
      <c r="D29" s="16"/>
      <c r="E29" s="16"/>
      <c r="F29" s="16"/>
      <c r="G29" s="16"/>
      <c r="H29" s="16"/>
      <c r="I29" s="17" t="s">
        <v>10</v>
      </c>
      <c r="J29" s="17" t="s">
        <v>9</v>
      </c>
      <c r="K29" s="19"/>
      <c r="L29" s="20"/>
      <c r="M29" s="20"/>
      <c r="N29" s="20"/>
      <c r="O29" s="20"/>
      <c r="P29" s="21"/>
    </row>
    <row r="30" spans="2:16" ht="32.25" customHeight="1" x14ac:dyDescent="0.2">
      <c r="B30" s="22"/>
      <c r="C30" s="23" t="s">
        <v>11</v>
      </c>
      <c r="D30" s="24"/>
      <c r="E30" s="24"/>
      <c r="F30" s="24"/>
      <c r="G30" s="24"/>
      <c r="H30" s="24"/>
      <c r="I30" s="25" t="s">
        <v>12</v>
      </c>
      <c r="J30" s="25" t="s">
        <v>11</v>
      </c>
      <c r="K30" s="26"/>
      <c r="L30" s="27"/>
      <c r="M30" s="27"/>
      <c r="N30" s="27"/>
      <c r="O30" s="27"/>
      <c r="P30" s="28"/>
    </row>
    <row r="31" spans="2:16" ht="40.5" customHeight="1" x14ac:dyDescent="0.2">
      <c r="B31" s="22"/>
      <c r="C31" s="23" t="s">
        <v>13</v>
      </c>
      <c r="D31" s="24"/>
      <c r="E31" s="24"/>
      <c r="F31" s="24"/>
      <c r="G31" s="24"/>
      <c r="H31" s="24"/>
      <c r="I31" s="24"/>
      <c r="J31" s="25" t="s">
        <v>13</v>
      </c>
      <c r="K31" s="29"/>
      <c r="L31" s="24"/>
      <c r="M31" s="24"/>
      <c r="N31" s="24"/>
      <c r="O31" s="24"/>
      <c r="P31" s="30"/>
    </row>
    <row r="32" spans="2:16" ht="25.5" customHeight="1" x14ac:dyDescent="0.2">
      <c r="B32" s="22"/>
      <c r="C32" s="23" t="s">
        <v>14</v>
      </c>
      <c r="D32" s="27" t="s">
        <v>15</v>
      </c>
      <c r="E32" s="27"/>
      <c r="F32" s="27"/>
      <c r="G32" s="27"/>
      <c r="H32" s="27"/>
      <c r="I32" s="27"/>
      <c r="J32" s="31" t="s">
        <v>16</v>
      </c>
      <c r="K32" s="32"/>
      <c r="L32" s="32"/>
      <c r="M32" s="32"/>
      <c r="N32" s="32"/>
      <c r="O32" s="32"/>
      <c r="P32" s="33"/>
    </row>
    <row r="33" spans="2:16" ht="25.5" customHeight="1" x14ac:dyDescent="0.2">
      <c r="B33" s="34"/>
      <c r="C33" s="35" t="s">
        <v>17</v>
      </c>
      <c r="D33" s="36" t="s">
        <v>15</v>
      </c>
      <c r="E33" s="36"/>
      <c r="F33" s="36"/>
      <c r="G33" s="36"/>
      <c r="H33" s="36"/>
      <c r="I33" s="36"/>
      <c r="J33" s="37"/>
      <c r="K33" s="38"/>
      <c r="L33" s="38"/>
      <c r="M33" s="38"/>
      <c r="N33" s="38"/>
      <c r="O33" s="38"/>
      <c r="P33" s="39"/>
    </row>
    <row r="34" spans="2:16" ht="16.5" customHeight="1" x14ac:dyDescent="0.2">
      <c r="B34" s="14">
        <v>6</v>
      </c>
      <c r="C34" s="15" t="s">
        <v>9</v>
      </c>
      <c r="D34" s="16"/>
      <c r="E34" s="16"/>
      <c r="F34" s="16"/>
      <c r="G34" s="16"/>
      <c r="H34" s="16"/>
      <c r="I34" s="17" t="s">
        <v>10</v>
      </c>
      <c r="J34" s="18" t="s">
        <v>9</v>
      </c>
      <c r="K34" s="19"/>
      <c r="L34" s="20"/>
      <c r="M34" s="20"/>
      <c r="N34" s="20"/>
      <c r="O34" s="20"/>
      <c r="P34" s="21"/>
    </row>
    <row r="35" spans="2:16" ht="32.25" customHeight="1" x14ac:dyDescent="0.2">
      <c r="B35" s="22"/>
      <c r="C35" s="23" t="s">
        <v>11</v>
      </c>
      <c r="D35" s="24"/>
      <c r="E35" s="24"/>
      <c r="F35" s="24"/>
      <c r="G35" s="24"/>
      <c r="H35" s="24"/>
      <c r="I35" s="25" t="s">
        <v>12</v>
      </c>
      <c r="J35" s="25" t="s">
        <v>11</v>
      </c>
      <c r="K35" s="26"/>
      <c r="L35" s="27"/>
      <c r="M35" s="27"/>
      <c r="N35" s="27"/>
      <c r="O35" s="27"/>
      <c r="P35" s="28"/>
    </row>
    <row r="36" spans="2:16" ht="40.5" customHeight="1" x14ac:dyDescent="0.2">
      <c r="B36" s="22"/>
      <c r="C36" s="23" t="s">
        <v>13</v>
      </c>
      <c r="D36" s="24"/>
      <c r="E36" s="24"/>
      <c r="F36" s="24"/>
      <c r="G36" s="24"/>
      <c r="H36" s="24"/>
      <c r="I36" s="24"/>
      <c r="J36" s="25" t="s">
        <v>13</v>
      </c>
      <c r="K36" s="29"/>
      <c r="L36" s="24"/>
      <c r="M36" s="24"/>
      <c r="N36" s="24"/>
      <c r="O36" s="24"/>
      <c r="P36" s="30"/>
    </row>
    <row r="37" spans="2:16" ht="25.5" customHeight="1" x14ac:dyDescent="0.2">
      <c r="B37" s="22"/>
      <c r="C37" s="23" t="s">
        <v>14</v>
      </c>
      <c r="D37" s="27" t="s">
        <v>15</v>
      </c>
      <c r="E37" s="27"/>
      <c r="F37" s="27"/>
      <c r="G37" s="27"/>
      <c r="H37" s="27"/>
      <c r="I37" s="27"/>
      <c r="J37" s="31" t="s">
        <v>16</v>
      </c>
      <c r="K37" s="32"/>
      <c r="L37" s="32"/>
      <c r="M37" s="32"/>
      <c r="N37" s="32"/>
      <c r="O37" s="32"/>
      <c r="P37" s="33"/>
    </row>
    <row r="38" spans="2:16" ht="25.5" customHeight="1" x14ac:dyDescent="0.2">
      <c r="B38" s="34"/>
      <c r="C38" s="35" t="s">
        <v>17</v>
      </c>
      <c r="D38" s="36" t="s">
        <v>15</v>
      </c>
      <c r="E38" s="36"/>
      <c r="F38" s="36"/>
      <c r="G38" s="36"/>
      <c r="H38" s="36"/>
      <c r="I38" s="36"/>
      <c r="J38" s="37"/>
      <c r="K38" s="38"/>
      <c r="L38" s="38"/>
      <c r="M38" s="38"/>
      <c r="N38" s="38"/>
      <c r="O38" s="38"/>
      <c r="P38" s="39"/>
    </row>
    <row r="39" spans="2:16" ht="16.5" customHeight="1" x14ac:dyDescent="0.2">
      <c r="B39" s="14">
        <v>7</v>
      </c>
      <c r="C39" s="15" t="s">
        <v>9</v>
      </c>
      <c r="D39" s="16"/>
      <c r="E39" s="16"/>
      <c r="F39" s="16"/>
      <c r="G39" s="16"/>
      <c r="H39" s="16"/>
      <c r="I39" s="17" t="s">
        <v>10</v>
      </c>
      <c r="J39" s="17" t="s">
        <v>9</v>
      </c>
      <c r="K39" s="19"/>
      <c r="L39" s="20"/>
      <c r="M39" s="20"/>
      <c r="N39" s="20"/>
      <c r="O39" s="20"/>
      <c r="P39" s="21"/>
    </row>
    <row r="40" spans="2:16" ht="32.25" customHeight="1" x14ac:dyDescent="0.2">
      <c r="B40" s="22"/>
      <c r="C40" s="23" t="s">
        <v>11</v>
      </c>
      <c r="D40" s="24"/>
      <c r="E40" s="24"/>
      <c r="F40" s="24"/>
      <c r="G40" s="24"/>
      <c r="H40" s="24"/>
      <c r="I40" s="25" t="s">
        <v>12</v>
      </c>
      <c r="J40" s="25" t="s">
        <v>11</v>
      </c>
      <c r="K40" s="26"/>
      <c r="L40" s="27"/>
      <c r="M40" s="27"/>
      <c r="N40" s="27"/>
      <c r="O40" s="27"/>
      <c r="P40" s="28"/>
    </row>
    <row r="41" spans="2:16" ht="40.5" customHeight="1" x14ac:dyDescent="0.2">
      <c r="B41" s="22"/>
      <c r="C41" s="23" t="s">
        <v>13</v>
      </c>
      <c r="D41" s="24"/>
      <c r="E41" s="24"/>
      <c r="F41" s="24"/>
      <c r="G41" s="24"/>
      <c r="H41" s="24"/>
      <c r="I41" s="24"/>
      <c r="J41" s="25" t="s">
        <v>13</v>
      </c>
      <c r="K41" s="29"/>
      <c r="L41" s="24"/>
      <c r="M41" s="24"/>
      <c r="N41" s="24"/>
      <c r="O41" s="24"/>
      <c r="P41" s="30"/>
    </row>
    <row r="42" spans="2:16" ht="25.5" customHeight="1" x14ac:dyDescent="0.2">
      <c r="B42" s="22"/>
      <c r="C42" s="23" t="s">
        <v>14</v>
      </c>
      <c r="D42" s="27" t="s">
        <v>15</v>
      </c>
      <c r="E42" s="27"/>
      <c r="F42" s="27"/>
      <c r="G42" s="27"/>
      <c r="H42" s="27"/>
      <c r="I42" s="27"/>
      <c r="J42" s="31" t="s">
        <v>16</v>
      </c>
      <c r="K42" s="32"/>
      <c r="L42" s="32"/>
      <c r="M42" s="32"/>
      <c r="N42" s="32"/>
      <c r="O42" s="32"/>
      <c r="P42" s="33"/>
    </row>
    <row r="43" spans="2:16" ht="25.5" customHeight="1" x14ac:dyDescent="0.2">
      <c r="B43" s="34"/>
      <c r="C43" s="35" t="s">
        <v>17</v>
      </c>
      <c r="D43" s="36" t="s">
        <v>15</v>
      </c>
      <c r="E43" s="36"/>
      <c r="F43" s="36"/>
      <c r="G43" s="36"/>
      <c r="H43" s="36"/>
      <c r="I43" s="36"/>
      <c r="J43" s="37"/>
      <c r="K43" s="38"/>
      <c r="L43" s="38"/>
      <c r="M43" s="38"/>
      <c r="N43" s="38"/>
      <c r="O43" s="38"/>
      <c r="P43" s="39"/>
    </row>
    <row r="44" spans="2:16" ht="16.5" customHeight="1" x14ac:dyDescent="0.2">
      <c r="B44" s="14">
        <v>8</v>
      </c>
      <c r="C44" s="15" t="s">
        <v>9</v>
      </c>
      <c r="D44" s="16"/>
      <c r="E44" s="16"/>
      <c r="F44" s="16"/>
      <c r="G44" s="16"/>
      <c r="H44" s="16"/>
      <c r="I44" s="17" t="s">
        <v>10</v>
      </c>
      <c r="J44" s="17" t="s">
        <v>9</v>
      </c>
      <c r="K44" s="19"/>
      <c r="L44" s="20"/>
      <c r="M44" s="20"/>
      <c r="N44" s="20"/>
      <c r="O44" s="20"/>
      <c r="P44" s="21"/>
    </row>
    <row r="45" spans="2:16" ht="32.25" customHeight="1" x14ac:dyDescent="0.2">
      <c r="B45" s="22"/>
      <c r="C45" s="23" t="s">
        <v>11</v>
      </c>
      <c r="D45" s="24"/>
      <c r="E45" s="24"/>
      <c r="F45" s="24"/>
      <c r="G45" s="24"/>
      <c r="H45" s="24"/>
      <c r="I45" s="25" t="s">
        <v>12</v>
      </c>
      <c r="J45" s="25" t="s">
        <v>11</v>
      </c>
      <c r="K45" s="26"/>
      <c r="L45" s="27"/>
      <c r="M45" s="27"/>
      <c r="N45" s="27"/>
      <c r="O45" s="27"/>
      <c r="P45" s="28"/>
    </row>
    <row r="46" spans="2:16" ht="40.5" customHeight="1" x14ac:dyDescent="0.2">
      <c r="B46" s="22"/>
      <c r="C46" s="23" t="s">
        <v>13</v>
      </c>
      <c r="D46" s="24"/>
      <c r="E46" s="24"/>
      <c r="F46" s="24"/>
      <c r="G46" s="24"/>
      <c r="H46" s="24"/>
      <c r="I46" s="24"/>
      <c r="J46" s="25" t="s">
        <v>13</v>
      </c>
      <c r="K46" s="29"/>
      <c r="L46" s="24"/>
      <c r="M46" s="24"/>
      <c r="N46" s="24"/>
      <c r="O46" s="24"/>
      <c r="P46" s="30"/>
    </row>
    <row r="47" spans="2:16" ht="25.5" customHeight="1" x14ac:dyDescent="0.2">
      <c r="B47" s="22"/>
      <c r="C47" s="23" t="s">
        <v>14</v>
      </c>
      <c r="D47" s="27" t="s">
        <v>15</v>
      </c>
      <c r="E47" s="27"/>
      <c r="F47" s="27"/>
      <c r="G47" s="27"/>
      <c r="H47" s="27"/>
      <c r="I47" s="27"/>
      <c r="J47" s="31" t="s">
        <v>16</v>
      </c>
      <c r="K47" s="32"/>
      <c r="L47" s="32"/>
      <c r="M47" s="32"/>
      <c r="N47" s="32"/>
      <c r="O47" s="32"/>
      <c r="P47" s="33"/>
    </row>
    <row r="48" spans="2:16" ht="25.5" customHeight="1" x14ac:dyDescent="0.2">
      <c r="B48" s="34"/>
      <c r="C48" s="35" t="s">
        <v>17</v>
      </c>
      <c r="D48" s="36" t="s">
        <v>15</v>
      </c>
      <c r="E48" s="36"/>
      <c r="F48" s="36"/>
      <c r="G48" s="36"/>
      <c r="H48" s="36"/>
      <c r="I48" s="36"/>
      <c r="J48" s="37"/>
      <c r="K48" s="38"/>
      <c r="L48" s="38"/>
      <c r="M48" s="38"/>
      <c r="N48" s="38"/>
      <c r="O48" s="38"/>
      <c r="P48" s="39"/>
    </row>
    <row r="49" spans="2:16" ht="16.5" customHeight="1" x14ac:dyDescent="0.2">
      <c r="B49" s="14">
        <v>9</v>
      </c>
      <c r="C49" s="15" t="s">
        <v>9</v>
      </c>
      <c r="D49" s="16"/>
      <c r="E49" s="16"/>
      <c r="F49" s="16"/>
      <c r="G49" s="16"/>
      <c r="H49" s="16"/>
      <c r="I49" s="17" t="s">
        <v>10</v>
      </c>
      <c r="J49" s="17" t="s">
        <v>9</v>
      </c>
      <c r="K49" s="19"/>
      <c r="L49" s="20"/>
      <c r="M49" s="20"/>
      <c r="N49" s="20"/>
      <c r="O49" s="20"/>
      <c r="P49" s="21"/>
    </row>
    <row r="50" spans="2:16" ht="32.25" customHeight="1" x14ac:dyDescent="0.2">
      <c r="B50" s="22"/>
      <c r="C50" s="23" t="s">
        <v>11</v>
      </c>
      <c r="D50" s="24"/>
      <c r="E50" s="24"/>
      <c r="F50" s="24"/>
      <c r="G50" s="24"/>
      <c r="H50" s="24"/>
      <c r="I50" s="25" t="s">
        <v>12</v>
      </c>
      <c r="J50" s="25" t="s">
        <v>11</v>
      </c>
      <c r="K50" s="26"/>
      <c r="L50" s="27"/>
      <c r="M50" s="27"/>
      <c r="N50" s="27"/>
      <c r="O50" s="27"/>
      <c r="P50" s="28"/>
    </row>
    <row r="51" spans="2:16" ht="40.5" customHeight="1" x14ac:dyDescent="0.2">
      <c r="B51" s="22"/>
      <c r="C51" s="23" t="s">
        <v>13</v>
      </c>
      <c r="D51" s="24"/>
      <c r="E51" s="24"/>
      <c r="F51" s="24"/>
      <c r="G51" s="24"/>
      <c r="H51" s="24"/>
      <c r="I51" s="24"/>
      <c r="J51" s="25" t="s">
        <v>13</v>
      </c>
      <c r="K51" s="29"/>
      <c r="L51" s="24"/>
      <c r="M51" s="24"/>
      <c r="N51" s="24"/>
      <c r="O51" s="24"/>
      <c r="P51" s="30"/>
    </row>
    <row r="52" spans="2:16" ht="25.5" customHeight="1" x14ac:dyDescent="0.2">
      <c r="B52" s="22"/>
      <c r="C52" s="23" t="s">
        <v>14</v>
      </c>
      <c r="D52" s="27" t="s">
        <v>15</v>
      </c>
      <c r="E52" s="27"/>
      <c r="F52" s="27"/>
      <c r="G52" s="27"/>
      <c r="H52" s="27"/>
      <c r="I52" s="27"/>
      <c r="J52" s="31" t="s">
        <v>16</v>
      </c>
      <c r="K52" s="32"/>
      <c r="L52" s="32"/>
      <c r="M52" s="32"/>
      <c r="N52" s="32"/>
      <c r="O52" s="32"/>
      <c r="P52" s="33"/>
    </row>
    <row r="53" spans="2:16" ht="25.5" customHeight="1" x14ac:dyDescent="0.2">
      <c r="B53" s="34"/>
      <c r="C53" s="35" t="s">
        <v>17</v>
      </c>
      <c r="D53" s="36" t="s">
        <v>15</v>
      </c>
      <c r="E53" s="36"/>
      <c r="F53" s="36"/>
      <c r="G53" s="36"/>
      <c r="H53" s="36"/>
      <c r="I53" s="36"/>
      <c r="J53" s="37"/>
      <c r="K53" s="38"/>
      <c r="L53" s="38"/>
      <c r="M53" s="38"/>
      <c r="N53" s="38"/>
      <c r="O53" s="38"/>
      <c r="P53" s="39"/>
    </row>
    <row r="54" spans="2:16" ht="16.5" customHeight="1" x14ac:dyDescent="0.2">
      <c r="B54" s="14">
        <v>10</v>
      </c>
      <c r="C54" s="15" t="s">
        <v>9</v>
      </c>
      <c r="D54" s="16"/>
      <c r="E54" s="16"/>
      <c r="F54" s="16"/>
      <c r="G54" s="16"/>
      <c r="H54" s="16"/>
      <c r="I54" s="17" t="s">
        <v>10</v>
      </c>
      <c r="J54" s="17" t="s">
        <v>9</v>
      </c>
      <c r="K54" s="19"/>
      <c r="L54" s="20"/>
      <c r="M54" s="20"/>
      <c r="N54" s="20"/>
      <c r="O54" s="20"/>
      <c r="P54" s="21"/>
    </row>
    <row r="55" spans="2:16" ht="32.25" customHeight="1" x14ac:dyDescent="0.2">
      <c r="B55" s="22"/>
      <c r="C55" s="23" t="s">
        <v>11</v>
      </c>
      <c r="D55" s="24"/>
      <c r="E55" s="24"/>
      <c r="F55" s="24"/>
      <c r="G55" s="24"/>
      <c r="H55" s="24"/>
      <c r="I55" s="25" t="s">
        <v>12</v>
      </c>
      <c r="J55" s="25" t="s">
        <v>11</v>
      </c>
      <c r="K55" s="26"/>
      <c r="L55" s="27"/>
      <c r="M55" s="27"/>
      <c r="N55" s="27"/>
      <c r="O55" s="27"/>
      <c r="P55" s="28"/>
    </row>
    <row r="56" spans="2:16" ht="40.5" customHeight="1" x14ac:dyDescent="0.2">
      <c r="B56" s="22"/>
      <c r="C56" s="23" t="s">
        <v>13</v>
      </c>
      <c r="D56" s="24"/>
      <c r="E56" s="24"/>
      <c r="F56" s="24"/>
      <c r="G56" s="24"/>
      <c r="H56" s="24"/>
      <c r="I56" s="24"/>
      <c r="J56" s="25" t="s">
        <v>13</v>
      </c>
      <c r="K56" s="29"/>
      <c r="L56" s="24"/>
      <c r="M56" s="24"/>
      <c r="N56" s="24"/>
      <c r="O56" s="24"/>
      <c r="P56" s="30"/>
    </row>
    <row r="57" spans="2:16" ht="25.5" customHeight="1" x14ac:dyDescent="0.2">
      <c r="B57" s="22"/>
      <c r="C57" s="23" t="s">
        <v>14</v>
      </c>
      <c r="D57" s="27" t="s">
        <v>15</v>
      </c>
      <c r="E57" s="27"/>
      <c r="F57" s="27"/>
      <c r="G57" s="27"/>
      <c r="H57" s="27"/>
      <c r="I57" s="27"/>
      <c r="J57" s="31" t="s">
        <v>16</v>
      </c>
      <c r="K57" s="32"/>
      <c r="L57" s="32"/>
      <c r="M57" s="32"/>
      <c r="N57" s="32"/>
      <c r="O57" s="32"/>
      <c r="P57" s="33"/>
    </row>
    <row r="58" spans="2:16" ht="25.5" customHeight="1" x14ac:dyDescent="0.2">
      <c r="B58" s="34"/>
      <c r="C58" s="35" t="s">
        <v>17</v>
      </c>
      <c r="D58" s="36" t="s">
        <v>15</v>
      </c>
      <c r="E58" s="36"/>
      <c r="F58" s="36"/>
      <c r="G58" s="36"/>
      <c r="H58" s="36"/>
      <c r="I58" s="36"/>
      <c r="J58" s="37"/>
      <c r="K58" s="38"/>
      <c r="L58" s="38"/>
      <c r="M58" s="38"/>
      <c r="N58" s="38"/>
      <c r="O58" s="38"/>
      <c r="P58" s="39"/>
    </row>
    <row r="59" spans="2:16" ht="16.5" customHeight="1" x14ac:dyDescent="0.2">
      <c r="B59" s="14">
        <v>11</v>
      </c>
      <c r="C59" s="15" t="s">
        <v>9</v>
      </c>
      <c r="D59" s="16"/>
      <c r="E59" s="16"/>
      <c r="F59" s="16"/>
      <c r="G59" s="16"/>
      <c r="H59" s="16"/>
      <c r="I59" s="17" t="s">
        <v>10</v>
      </c>
      <c r="J59" s="18" t="s">
        <v>9</v>
      </c>
      <c r="K59" s="19"/>
      <c r="L59" s="20"/>
      <c r="M59" s="20"/>
      <c r="N59" s="20"/>
      <c r="O59" s="20"/>
      <c r="P59" s="21"/>
    </row>
    <row r="60" spans="2:16" ht="32.25" customHeight="1" x14ac:dyDescent="0.2">
      <c r="B60" s="22"/>
      <c r="C60" s="23" t="s">
        <v>11</v>
      </c>
      <c r="D60" s="24"/>
      <c r="E60" s="24"/>
      <c r="F60" s="24"/>
      <c r="G60" s="24"/>
      <c r="H60" s="24"/>
      <c r="I60" s="25" t="s">
        <v>12</v>
      </c>
      <c r="J60" s="25" t="s">
        <v>11</v>
      </c>
      <c r="K60" s="26"/>
      <c r="L60" s="27"/>
      <c r="M60" s="27"/>
      <c r="N60" s="27"/>
      <c r="O60" s="27"/>
      <c r="P60" s="28"/>
    </row>
    <row r="61" spans="2:16" ht="40.5" customHeight="1" x14ac:dyDescent="0.2">
      <c r="B61" s="22"/>
      <c r="C61" s="23" t="s">
        <v>13</v>
      </c>
      <c r="D61" s="24"/>
      <c r="E61" s="24"/>
      <c r="F61" s="24"/>
      <c r="G61" s="24"/>
      <c r="H61" s="24"/>
      <c r="I61" s="24"/>
      <c r="J61" s="25" t="s">
        <v>13</v>
      </c>
      <c r="K61" s="29"/>
      <c r="L61" s="24"/>
      <c r="M61" s="24"/>
      <c r="N61" s="24"/>
      <c r="O61" s="24"/>
      <c r="P61" s="30"/>
    </row>
    <row r="62" spans="2:16" ht="25.5" customHeight="1" x14ac:dyDescent="0.2">
      <c r="B62" s="22"/>
      <c r="C62" s="23" t="s">
        <v>14</v>
      </c>
      <c r="D62" s="27" t="s">
        <v>15</v>
      </c>
      <c r="E62" s="27"/>
      <c r="F62" s="27"/>
      <c r="G62" s="27"/>
      <c r="H62" s="27"/>
      <c r="I62" s="27"/>
      <c r="J62" s="31" t="s">
        <v>16</v>
      </c>
      <c r="K62" s="32"/>
      <c r="L62" s="32"/>
      <c r="M62" s="32"/>
      <c r="N62" s="32"/>
      <c r="O62" s="32"/>
      <c r="P62" s="33"/>
    </row>
    <row r="63" spans="2:16" ht="25.5" customHeight="1" x14ac:dyDescent="0.2">
      <c r="B63" s="34"/>
      <c r="C63" s="35" t="s">
        <v>17</v>
      </c>
      <c r="D63" s="36" t="s">
        <v>15</v>
      </c>
      <c r="E63" s="36"/>
      <c r="F63" s="36"/>
      <c r="G63" s="36"/>
      <c r="H63" s="36"/>
      <c r="I63" s="36"/>
      <c r="J63" s="37"/>
      <c r="K63" s="38"/>
      <c r="L63" s="38"/>
      <c r="M63" s="38"/>
      <c r="N63" s="38"/>
      <c r="O63" s="38"/>
      <c r="P63" s="39"/>
    </row>
    <row r="64" spans="2:16" ht="16.5" customHeight="1" x14ac:dyDescent="0.2">
      <c r="B64" s="14">
        <v>12</v>
      </c>
      <c r="C64" s="15" t="s">
        <v>9</v>
      </c>
      <c r="D64" s="16"/>
      <c r="E64" s="16"/>
      <c r="F64" s="16"/>
      <c r="G64" s="16"/>
      <c r="H64" s="16"/>
      <c r="I64" s="17" t="s">
        <v>10</v>
      </c>
      <c r="J64" s="17" t="s">
        <v>9</v>
      </c>
      <c r="K64" s="19"/>
      <c r="L64" s="20"/>
      <c r="M64" s="20"/>
      <c r="N64" s="20"/>
      <c r="O64" s="20"/>
      <c r="P64" s="21"/>
    </row>
    <row r="65" spans="2:16" ht="32.25" customHeight="1" x14ac:dyDescent="0.2">
      <c r="B65" s="22"/>
      <c r="C65" s="23" t="s">
        <v>11</v>
      </c>
      <c r="D65" s="24"/>
      <c r="E65" s="24"/>
      <c r="F65" s="24"/>
      <c r="G65" s="24"/>
      <c r="H65" s="24"/>
      <c r="I65" s="25" t="s">
        <v>12</v>
      </c>
      <c r="J65" s="25" t="s">
        <v>11</v>
      </c>
      <c r="K65" s="26"/>
      <c r="L65" s="27"/>
      <c r="M65" s="27"/>
      <c r="N65" s="27"/>
      <c r="O65" s="27"/>
      <c r="P65" s="28"/>
    </row>
    <row r="66" spans="2:16" ht="40.5" customHeight="1" x14ac:dyDescent="0.2">
      <c r="B66" s="22"/>
      <c r="C66" s="23" t="s">
        <v>13</v>
      </c>
      <c r="D66" s="24"/>
      <c r="E66" s="24"/>
      <c r="F66" s="24"/>
      <c r="G66" s="24"/>
      <c r="H66" s="24"/>
      <c r="I66" s="24"/>
      <c r="J66" s="25" t="s">
        <v>13</v>
      </c>
      <c r="K66" s="29"/>
      <c r="L66" s="24"/>
      <c r="M66" s="24"/>
      <c r="N66" s="24"/>
      <c r="O66" s="24"/>
      <c r="P66" s="30"/>
    </row>
    <row r="67" spans="2:16" ht="25.5" customHeight="1" x14ac:dyDescent="0.2">
      <c r="B67" s="22"/>
      <c r="C67" s="23" t="s">
        <v>14</v>
      </c>
      <c r="D67" s="27" t="s">
        <v>15</v>
      </c>
      <c r="E67" s="27"/>
      <c r="F67" s="27"/>
      <c r="G67" s="27"/>
      <c r="H67" s="27"/>
      <c r="I67" s="27"/>
      <c r="J67" s="31" t="s">
        <v>16</v>
      </c>
      <c r="K67" s="32"/>
      <c r="L67" s="32"/>
      <c r="M67" s="32"/>
      <c r="N67" s="32"/>
      <c r="O67" s="32"/>
      <c r="P67" s="33"/>
    </row>
    <row r="68" spans="2:16" ht="25.5" customHeight="1" x14ac:dyDescent="0.2">
      <c r="B68" s="34"/>
      <c r="C68" s="35" t="s">
        <v>17</v>
      </c>
      <c r="D68" s="36" t="s">
        <v>15</v>
      </c>
      <c r="E68" s="36"/>
      <c r="F68" s="36"/>
      <c r="G68" s="36"/>
      <c r="H68" s="36"/>
      <c r="I68" s="36"/>
      <c r="J68" s="37"/>
      <c r="K68" s="38"/>
      <c r="L68" s="38"/>
      <c r="M68" s="38"/>
      <c r="N68" s="38"/>
      <c r="O68" s="38"/>
      <c r="P68" s="39"/>
    </row>
    <row r="69" spans="2:16" ht="16.5" customHeight="1" x14ac:dyDescent="0.2">
      <c r="B69" s="14">
        <v>13</v>
      </c>
      <c r="C69" s="15" t="s">
        <v>9</v>
      </c>
      <c r="D69" s="16"/>
      <c r="E69" s="16"/>
      <c r="F69" s="16"/>
      <c r="G69" s="16"/>
      <c r="H69" s="16"/>
      <c r="I69" s="17" t="s">
        <v>10</v>
      </c>
      <c r="J69" s="17" t="s">
        <v>9</v>
      </c>
      <c r="K69" s="19"/>
      <c r="L69" s="20"/>
      <c r="M69" s="20"/>
      <c r="N69" s="20"/>
      <c r="O69" s="20"/>
      <c r="P69" s="21"/>
    </row>
    <row r="70" spans="2:16" ht="32.25" customHeight="1" x14ac:dyDescent="0.2">
      <c r="B70" s="22"/>
      <c r="C70" s="23" t="s">
        <v>11</v>
      </c>
      <c r="D70" s="24"/>
      <c r="E70" s="24"/>
      <c r="F70" s="24"/>
      <c r="G70" s="24"/>
      <c r="H70" s="24"/>
      <c r="I70" s="25" t="s">
        <v>12</v>
      </c>
      <c r="J70" s="25" t="s">
        <v>11</v>
      </c>
      <c r="K70" s="26"/>
      <c r="L70" s="27"/>
      <c r="M70" s="27"/>
      <c r="N70" s="27"/>
      <c r="O70" s="27"/>
      <c r="P70" s="28"/>
    </row>
    <row r="71" spans="2:16" ht="40.5" customHeight="1" x14ac:dyDescent="0.2">
      <c r="B71" s="22"/>
      <c r="C71" s="23" t="s">
        <v>13</v>
      </c>
      <c r="D71" s="24"/>
      <c r="E71" s="24"/>
      <c r="F71" s="24"/>
      <c r="G71" s="24"/>
      <c r="H71" s="24"/>
      <c r="I71" s="24"/>
      <c r="J71" s="25" t="s">
        <v>13</v>
      </c>
      <c r="K71" s="29"/>
      <c r="L71" s="24"/>
      <c r="M71" s="24"/>
      <c r="N71" s="24"/>
      <c r="O71" s="24"/>
      <c r="P71" s="30"/>
    </row>
    <row r="72" spans="2:16" ht="25.5" customHeight="1" x14ac:dyDescent="0.2">
      <c r="B72" s="22"/>
      <c r="C72" s="23" t="s">
        <v>14</v>
      </c>
      <c r="D72" s="27" t="s">
        <v>15</v>
      </c>
      <c r="E72" s="27"/>
      <c r="F72" s="27"/>
      <c r="G72" s="27"/>
      <c r="H72" s="27"/>
      <c r="I72" s="27"/>
      <c r="J72" s="31" t="s">
        <v>16</v>
      </c>
      <c r="K72" s="32"/>
      <c r="L72" s="32"/>
      <c r="M72" s="32"/>
      <c r="N72" s="32"/>
      <c r="O72" s="32"/>
      <c r="P72" s="33"/>
    </row>
    <row r="73" spans="2:16" ht="25.5" customHeight="1" x14ac:dyDescent="0.2">
      <c r="B73" s="34"/>
      <c r="C73" s="35" t="s">
        <v>17</v>
      </c>
      <c r="D73" s="36" t="s">
        <v>15</v>
      </c>
      <c r="E73" s="36"/>
      <c r="F73" s="36"/>
      <c r="G73" s="36"/>
      <c r="H73" s="36"/>
      <c r="I73" s="36"/>
      <c r="J73" s="37"/>
      <c r="K73" s="38"/>
      <c r="L73" s="38"/>
      <c r="M73" s="38"/>
      <c r="N73" s="38"/>
      <c r="O73" s="38"/>
      <c r="P73" s="39"/>
    </row>
    <row r="74" spans="2:16" ht="16.5" customHeight="1" x14ac:dyDescent="0.2">
      <c r="B74" s="14">
        <v>14</v>
      </c>
      <c r="C74" s="15" t="s">
        <v>9</v>
      </c>
      <c r="D74" s="16"/>
      <c r="E74" s="16"/>
      <c r="F74" s="16"/>
      <c r="G74" s="16"/>
      <c r="H74" s="16"/>
      <c r="I74" s="17" t="s">
        <v>10</v>
      </c>
      <c r="J74" s="17" t="s">
        <v>9</v>
      </c>
      <c r="K74" s="19"/>
      <c r="L74" s="20"/>
      <c r="M74" s="20"/>
      <c r="N74" s="20"/>
      <c r="O74" s="20"/>
      <c r="P74" s="21"/>
    </row>
    <row r="75" spans="2:16" ht="32.25" customHeight="1" x14ac:dyDescent="0.2">
      <c r="B75" s="22"/>
      <c r="C75" s="23" t="s">
        <v>11</v>
      </c>
      <c r="D75" s="24"/>
      <c r="E75" s="24"/>
      <c r="F75" s="24"/>
      <c r="G75" s="24"/>
      <c r="H75" s="24"/>
      <c r="I75" s="25" t="s">
        <v>12</v>
      </c>
      <c r="J75" s="25" t="s">
        <v>11</v>
      </c>
      <c r="K75" s="26"/>
      <c r="L75" s="27"/>
      <c r="M75" s="27"/>
      <c r="N75" s="27"/>
      <c r="O75" s="27"/>
      <c r="P75" s="28"/>
    </row>
    <row r="76" spans="2:16" ht="40.5" customHeight="1" x14ac:dyDescent="0.2">
      <c r="B76" s="22"/>
      <c r="C76" s="23" t="s">
        <v>13</v>
      </c>
      <c r="D76" s="24"/>
      <c r="E76" s="24"/>
      <c r="F76" s="24"/>
      <c r="G76" s="24"/>
      <c r="H76" s="24"/>
      <c r="I76" s="24"/>
      <c r="J76" s="25" t="s">
        <v>13</v>
      </c>
      <c r="K76" s="29"/>
      <c r="L76" s="24"/>
      <c r="M76" s="24"/>
      <c r="N76" s="24"/>
      <c r="O76" s="24"/>
      <c r="P76" s="30"/>
    </row>
    <row r="77" spans="2:16" ht="25.5" customHeight="1" x14ac:dyDescent="0.2">
      <c r="B77" s="22"/>
      <c r="C77" s="23" t="s">
        <v>14</v>
      </c>
      <c r="D77" s="27" t="s">
        <v>15</v>
      </c>
      <c r="E77" s="27"/>
      <c r="F77" s="27"/>
      <c r="G77" s="27"/>
      <c r="H77" s="27"/>
      <c r="I77" s="27"/>
      <c r="J77" s="31" t="s">
        <v>16</v>
      </c>
      <c r="K77" s="32"/>
      <c r="L77" s="32"/>
      <c r="M77" s="32"/>
      <c r="N77" s="32"/>
      <c r="O77" s="32"/>
      <c r="P77" s="33"/>
    </row>
    <row r="78" spans="2:16" ht="25.5" customHeight="1" x14ac:dyDescent="0.2">
      <c r="B78" s="34"/>
      <c r="C78" s="35" t="s">
        <v>17</v>
      </c>
      <c r="D78" s="36" t="s">
        <v>15</v>
      </c>
      <c r="E78" s="36"/>
      <c r="F78" s="36"/>
      <c r="G78" s="36"/>
      <c r="H78" s="36"/>
      <c r="I78" s="36"/>
      <c r="J78" s="37"/>
      <c r="K78" s="38"/>
      <c r="L78" s="38"/>
      <c r="M78" s="38"/>
      <c r="N78" s="38"/>
      <c r="O78" s="38"/>
      <c r="P78" s="39"/>
    </row>
    <row r="79" spans="2:16" ht="16.5" customHeight="1" x14ac:dyDescent="0.2">
      <c r="B79" s="14">
        <v>15</v>
      </c>
      <c r="C79" s="15" t="s">
        <v>9</v>
      </c>
      <c r="D79" s="16"/>
      <c r="E79" s="16"/>
      <c r="F79" s="16"/>
      <c r="G79" s="16"/>
      <c r="H79" s="16"/>
      <c r="I79" s="17" t="s">
        <v>10</v>
      </c>
      <c r="J79" s="17" t="s">
        <v>9</v>
      </c>
      <c r="K79" s="19"/>
      <c r="L79" s="20"/>
      <c r="M79" s="20"/>
      <c r="N79" s="20"/>
      <c r="O79" s="20"/>
      <c r="P79" s="21"/>
    </row>
    <row r="80" spans="2:16" ht="32.25" customHeight="1" x14ac:dyDescent="0.2">
      <c r="B80" s="22"/>
      <c r="C80" s="23" t="s">
        <v>11</v>
      </c>
      <c r="D80" s="24"/>
      <c r="E80" s="24"/>
      <c r="F80" s="24"/>
      <c r="G80" s="24"/>
      <c r="H80" s="24"/>
      <c r="I80" s="25" t="s">
        <v>12</v>
      </c>
      <c r="J80" s="25" t="s">
        <v>11</v>
      </c>
      <c r="K80" s="26"/>
      <c r="L80" s="27"/>
      <c r="M80" s="27"/>
      <c r="N80" s="27"/>
      <c r="O80" s="27"/>
      <c r="P80" s="28"/>
    </row>
    <row r="81" spans="2:16" ht="40.5" customHeight="1" x14ac:dyDescent="0.2">
      <c r="B81" s="22"/>
      <c r="C81" s="23" t="s">
        <v>13</v>
      </c>
      <c r="D81" s="24"/>
      <c r="E81" s="24"/>
      <c r="F81" s="24"/>
      <c r="G81" s="24"/>
      <c r="H81" s="24"/>
      <c r="I81" s="24"/>
      <c r="J81" s="25" t="s">
        <v>13</v>
      </c>
      <c r="K81" s="29"/>
      <c r="L81" s="24"/>
      <c r="M81" s="24"/>
      <c r="N81" s="24"/>
      <c r="O81" s="24"/>
      <c r="P81" s="30"/>
    </row>
    <row r="82" spans="2:16" ht="25.5" customHeight="1" x14ac:dyDescent="0.2">
      <c r="B82" s="22"/>
      <c r="C82" s="23" t="s">
        <v>14</v>
      </c>
      <c r="D82" s="27" t="s">
        <v>15</v>
      </c>
      <c r="E82" s="27"/>
      <c r="F82" s="27"/>
      <c r="G82" s="27"/>
      <c r="H82" s="27"/>
      <c r="I82" s="27"/>
      <c r="J82" s="31" t="s">
        <v>16</v>
      </c>
      <c r="K82" s="32"/>
      <c r="L82" s="32"/>
      <c r="M82" s="32"/>
      <c r="N82" s="32"/>
      <c r="O82" s="32"/>
      <c r="P82" s="33"/>
    </row>
    <row r="83" spans="2:16" ht="25.5" customHeight="1" x14ac:dyDescent="0.2">
      <c r="B83" s="34"/>
      <c r="C83" s="35" t="s">
        <v>17</v>
      </c>
      <c r="D83" s="36" t="s">
        <v>15</v>
      </c>
      <c r="E83" s="36"/>
      <c r="F83" s="36"/>
      <c r="G83" s="36"/>
      <c r="H83" s="36"/>
      <c r="I83" s="36"/>
      <c r="J83" s="37"/>
      <c r="K83" s="38"/>
      <c r="L83" s="38"/>
      <c r="M83" s="38"/>
      <c r="N83" s="38"/>
      <c r="O83" s="38"/>
      <c r="P83" s="39"/>
    </row>
  </sheetData>
  <mergeCells count="169">
    <mergeCell ref="D83:I83"/>
    <mergeCell ref="B79:B83"/>
    <mergeCell ref="D79:H79"/>
    <mergeCell ref="K79:P79"/>
    <mergeCell ref="D80:H80"/>
    <mergeCell ref="K80:P80"/>
    <mergeCell ref="D81:I81"/>
    <mergeCell ref="K81:P81"/>
    <mergeCell ref="D82:I82"/>
    <mergeCell ref="J82:J83"/>
    <mergeCell ref="K82:P83"/>
    <mergeCell ref="D76:I76"/>
    <mergeCell ref="K76:P76"/>
    <mergeCell ref="D77:I77"/>
    <mergeCell ref="J77:J78"/>
    <mergeCell ref="K77:P78"/>
    <mergeCell ref="D78:I78"/>
    <mergeCell ref="K71:P71"/>
    <mergeCell ref="D72:I72"/>
    <mergeCell ref="J72:J73"/>
    <mergeCell ref="K72:P73"/>
    <mergeCell ref="D73:I73"/>
    <mergeCell ref="B74:B78"/>
    <mergeCell ref="D74:H74"/>
    <mergeCell ref="K74:P74"/>
    <mergeCell ref="D75:H75"/>
    <mergeCell ref="K75:P75"/>
    <mergeCell ref="D67:I67"/>
    <mergeCell ref="J67:J68"/>
    <mergeCell ref="K67:P68"/>
    <mergeCell ref="D68:I68"/>
    <mergeCell ref="B69:B73"/>
    <mergeCell ref="D69:H69"/>
    <mergeCell ref="K69:P69"/>
    <mergeCell ref="D70:H70"/>
    <mergeCell ref="K70:P70"/>
    <mergeCell ref="D71:I71"/>
    <mergeCell ref="J62:J63"/>
    <mergeCell ref="K62:P63"/>
    <mergeCell ref="D63:I63"/>
    <mergeCell ref="B64:B68"/>
    <mergeCell ref="D64:H64"/>
    <mergeCell ref="K64:P64"/>
    <mergeCell ref="D65:H65"/>
    <mergeCell ref="K65:P65"/>
    <mergeCell ref="D66:I66"/>
    <mergeCell ref="K66:P66"/>
    <mergeCell ref="K57:P58"/>
    <mergeCell ref="D58:I58"/>
    <mergeCell ref="B59:B63"/>
    <mergeCell ref="D59:H59"/>
    <mergeCell ref="K59:P59"/>
    <mergeCell ref="D60:H60"/>
    <mergeCell ref="K60:P60"/>
    <mergeCell ref="D61:I61"/>
    <mergeCell ref="K61:P61"/>
    <mergeCell ref="D62:I62"/>
    <mergeCell ref="D53:I53"/>
    <mergeCell ref="B54:B58"/>
    <mergeCell ref="D54:H54"/>
    <mergeCell ref="K54:P54"/>
    <mergeCell ref="D55:H55"/>
    <mergeCell ref="K55:P55"/>
    <mergeCell ref="D56:I56"/>
    <mergeCell ref="K56:P56"/>
    <mergeCell ref="D57:I57"/>
    <mergeCell ref="J57:J58"/>
    <mergeCell ref="B49:B53"/>
    <mergeCell ref="D49:H49"/>
    <mergeCell ref="K49:P49"/>
    <mergeCell ref="D50:H50"/>
    <mergeCell ref="K50:P50"/>
    <mergeCell ref="D51:I51"/>
    <mergeCell ref="K51:P51"/>
    <mergeCell ref="D52:I52"/>
    <mergeCell ref="J52:J53"/>
    <mergeCell ref="K52:P53"/>
    <mergeCell ref="D46:I46"/>
    <mergeCell ref="K46:P46"/>
    <mergeCell ref="D47:I47"/>
    <mergeCell ref="J47:J48"/>
    <mergeCell ref="K47:P48"/>
    <mergeCell ref="D48:I48"/>
    <mergeCell ref="K41:P41"/>
    <mergeCell ref="D42:I42"/>
    <mergeCell ref="J42:J43"/>
    <mergeCell ref="K42:P43"/>
    <mergeCell ref="D43:I43"/>
    <mergeCell ref="B44:B48"/>
    <mergeCell ref="D44:H44"/>
    <mergeCell ref="K44:P44"/>
    <mergeCell ref="D45:H45"/>
    <mergeCell ref="K45:P45"/>
    <mergeCell ref="D37:I37"/>
    <mergeCell ref="J37:J38"/>
    <mergeCell ref="K37:P38"/>
    <mergeCell ref="D38:I38"/>
    <mergeCell ref="B39:B43"/>
    <mergeCell ref="D39:H39"/>
    <mergeCell ref="K39:P39"/>
    <mergeCell ref="D40:H40"/>
    <mergeCell ref="K40:P40"/>
    <mergeCell ref="D41:I41"/>
    <mergeCell ref="J32:J33"/>
    <mergeCell ref="K32:P33"/>
    <mergeCell ref="D33:I33"/>
    <mergeCell ref="B34:B38"/>
    <mergeCell ref="D34:H34"/>
    <mergeCell ref="K34:P34"/>
    <mergeCell ref="D35:H35"/>
    <mergeCell ref="K35:P35"/>
    <mergeCell ref="D36:I36"/>
    <mergeCell ref="K36:P36"/>
    <mergeCell ref="K27:P28"/>
    <mergeCell ref="D28:I28"/>
    <mergeCell ref="B29:B33"/>
    <mergeCell ref="D29:H29"/>
    <mergeCell ref="K29:P29"/>
    <mergeCell ref="D30:H30"/>
    <mergeCell ref="K30:P30"/>
    <mergeCell ref="D31:I31"/>
    <mergeCell ref="K31:P31"/>
    <mergeCell ref="D32:I32"/>
    <mergeCell ref="D23:I23"/>
    <mergeCell ref="B24:B28"/>
    <mergeCell ref="D24:H24"/>
    <mergeCell ref="K24:P24"/>
    <mergeCell ref="D25:H25"/>
    <mergeCell ref="K25:P25"/>
    <mergeCell ref="D26:I26"/>
    <mergeCell ref="K26:P26"/>
    <mergeCell ref="D27:I27"/>
    <mergeCell ref="J27:J28"/>
    <mergeCell ref="B19:B23"/>
    <mergeCell ref="D19:H19"/>
    <mergeCell ref="K19:P19"/>
    <mergeCell ref="D20:H20"/>
    <mergeCell ref="K20:P20"/>
    <mergeCell ref="D21:I21"/>
    <mergeCell ref="K21:P21"/>
    <mergeCell ref="D22:I22"/>
    <mergeCell ref="J22:J23"/>
    <mergeCell ref="K22:P23"/>
    <mergeCell ref="D16:I16"/>
    <mergeCell ref="K16:P16"/>
    <mergeCell ref="D17:I17"/>
    <mergeCell ref="J17:J18"/>
    <mergeCell ref="K17:P18"/>
    <mergeCell ref="D18:I18"/>
    <mergeCell ref="K11:P11"/>
    <mergeCell ref="D12:I12"/>
    <mergeCell ref="J12:J13"/>
    <mergeCell ref="K12:P13"/>
    <mergeCell ref="D13:I13"/>
    <mergeCell ref="B14:B18"/>
    <mergeCell ref="D14:H14"/>
    <mergeCell ref="K14:P14"/>
    <mergeCell ref="D15:H15"/>
    <mergeCell ref="K15:P15"/>
    <mergeCell ref="L3:P3"/>
    <mergeCell ref="M6:P6"/>
    <mergeCell ref="C8:I8"/>
    <mergeCell ref="J8:P8"/>
    <mergeCell ref="B9:B13"/>
    <mergeCell ref="D9:H9"/>
    <mergeCell ref="K9:P9"/>
    <mergeCell ref="D10:H10"/>
    <mergeCell ref="K10:P10"/>
    <mergeCell ref="D11:I11"/>
  </mergeCells>
  <phoneticPr fontId="2"/>
  <pageMargins left="0.74803149606299213" right="0.19685039370078741" top="0.59055118110236227" bottom="0.39370078740157483" header="0.31496062992125984" footer="0.23622047244094491"/>
  <pageSetup paperSize="9" orientation="portrait" r:id="rId1"/>
  <rowBreaks count="2" manualBreakCount="2">
    <brk id="33" max="16383" man="1"/>
    <brk id="5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【参考様式】利用者名簿</vt:lpstr>
      <vt:lpstr>【参考様式】利用者名簿!Print_Area</vt:lpstr>
      <vt:lpstr>【参考様式】利用者名簿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柏木　真由美</dc:creator>
  <cp:lastModifiedBy>島根県柏木　真由美</cp:lastModifiedBy>
  <dcterms:created xsi:type="dcterms:W3CDTF">2026-06-03T01:58:19Z</dcterms:created>
  <dcterms:modified xsi:type="dcterms:W3CDTF">2026-06-03T01:58:47Z</dcterms:modified>
</cp:coreProperties>
</file>